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MIS\Desktop\work\s1\"/>
    </mc:Choice>
  </mc:AlternateContent>
  <bookViews>
    <workbookView xWindow="0" yWindow="0" windowWidth="20490" windowHeight="7905"/>
  </bookViews>
  <sheets>
    <sheet name="PV de Notes" sheetId="2" r:id="rId1"/>
  </sheets>
  <calcPr calcId="152511"/>
</workbook>
</file>

<file path=xl/calcChain.xml><?xml version="1.0" encoding="utf-8"?>
<calcChain xmlns="http://schemas.openxmlformats.org/spreadsheetml/2006/main">
  <c r="G12" i="2" l="1"/>
  <c r="G13" i="2"/>
  <c r="G14" i="2"/>
  <c r="G15" i="2"/>
  <c r="G16" i="2"/>
  <c r="G17" i="2"/>
  <c r="G18" i="2"/>
  <c r="G19" i="2"/>
  <c r="G20" i="2"/>
  <c r="G21" i="2"/>
  <c r="G22" i="2"/>
  <c r="G23" i="2"/>
  <c r="G24" i="2"/>
  <c r="G25" i="2"/>
  <c r="G26" i="2"/>
  <c r="G27" i="2"/>
  <c r="G28" i="2"/>
  <c r="G29" i="2"/>
  <c r="G30" i="2"/>
  <c r="G31" i="2"/>
  <c r="G32" i="2"/>
  <c r="G33" i="2"/>
  <c r="G34" i="2"/>
  <c r="G35" i="2"/>
  <c r="G36" i="2"/>
  <c r="G37" i="2"/>
  <c r="G38" i="2"/>
  <c r="G39" i="2"/>
  <c r="G40" i="2"/>
  <c r="G41" i="2"/>
  <c r="G42" i="2"/>
  <c r="G43" i="2"/>
  <c r="G44" i="2"/>
  <c r="G45" i="2"/>
  <c r="G46" i="2"/>
  <c r="G47" i="2"/>
  <c r="G48" i="2"/>
  <c r="G49" i="2"/>
  <c r="G50" i="2"/>
  <c r="G51" i="2"/>
  <c r="G11" i="2"/>
</calcChain>
</file>

<file path=xl/sharedStrings.xml><?xml version="1.0" encoding="utf-8"?>
<sst xmlns="http://schemas.openxmlformats.org/spreadsheetml/2006/main" count="143" uniqueCount="138">
  <si>
    <t>Matricule</t>
  </si>
  <si>
    <t>Nom</t>
  </si>
  <si>
    <t>Prenom</t>
  </si>
  <si>
    <t>N°</t>
  </si>
  <si>
    <t>Université A.Mira de Bejaia</t>
  </si>
  <si>
    <t>Facultés des lettres et des langues</t>
  </si>
  <si>
    <t>Département d'Anglais</t>
  </si>
  <si>
    <t>Signature de l'enseignant</t>
  </si>
  <si>
    <t>Master 1 Linguistique</t>
  </si>
  <si>
    <t xml:space="preserve">            PV de Notes</t>
  </si>
  <si>
    <t>Groupe 1 /Section 1</t>
  </si>
  <si>
    <t>Moyenne</t>
  </si>
  <si>
    <t>Obs</t>
  </si>
  <si>
    <t>MELISSA</t>
  </si>
  <si>
    <t>ADRAR</t>
  </si>
  <si>
    <t>KENZA</t>
  </si>
  <si>
    <t>LAMIA</t>
  </si>
  <si>
    <t>YASMINE</t>
  </si>
  <si>
    <t>SARA</t>
  </si>
  <si>
    <t>Melissa</t>
  </si>
  <si>
    <t>Année Universitaire : 2023/2024</t>
  </si>
  <si>
    <t>202033001550</t>
  </si>
  <si>
    <t>SONIA</t>
  </si>
  <si>
    <t>202033011489</t>
  </si>
  <si>
    <t>AHSATAL</t>
  </si>
  <si>
    <t>ASSIA</t>
  </si>
  <si>
    <t>202033005135</t>
  </si>
  <si>
    <t>AISSANI</t>
  </si>
  <si>
    <t>Nadine</t>
  </si>
  <si>
    <t>202033001447</t>
  </si>
  <si>
    <t>ALILOUCHE</t>
  </si>
  <si>
    <t>NADIA</t>
  </si>
  <si>
    <t>202033001420</t>
  </si>
  <si>
    <t>ALKAMA</t>
  </si>
  <si>
    <t>KELTOUMA</t>
  </si>
  <si>
    <t>202033001432</t>
  </si>
  <si>
    <t xml:space="preserve">AMOURAT </t>
  </si>
  <si>
    <t xml:space="preserve">LISA </t>
  </si>
  <si>
    <t>191933009484</t>
  </si>
  <si>
    <t>AMZAL</t>
  </si>
  <si>
    <t>Ouardia</t>
  </si>
  <si>
    <t>202033001404</t>
  </si>
  <si>
    <t>ARKOUB</t>
  </si>
  <si>
    <t>Sara</t>
  </si>
  <si>
    <t>202033014913</t>
  </si>
  <si>
    <t>BELABBAS</t>
  </si>
  <si>
    <t>LOTFIA YOUSRA</t>
  </si>
  <si>
    <t>202033010562</t>
  </si>
  <si>
    <t>BENMESSAOUD</t>
  </si>
  <si>
    <t>FATIMA</t>
  </si>
  <si>
    <t>202033005115</t>
  </si>
  <si>
    <t>BOUCHEKHCHOUKHA</t>
  </si>
  <si>
    <t>LYDIA</t>
  </si>
  <si>
    <t>202033001556</t>
  </si>
  <si>
    <t>CHABANE</t>
  </si>
  <si>
    <t>AIDA</t>
  </si>
  <si>
    <t>202033006761</t>
  </si>
  <si>
    <t>KAHINA</t>
  </si>
  <si>
    <t>202033000266</t>
  </si>
  <si>
    <t>DEBABI</t>
  </si>
  <si>
    <t>IKRAM</t>
  </si>
  <si>
    <t>202033005137</t>
  </si>
  <si>
    <t>DJAHNINE</t>
  </si>
  <si>
    <t>NESRINE</t>
  </si>
  <si>
    <t>202033005795</t>
  </si>
  <si>
    <t>FERRADJ</t>
  </si>
  <si>
    <t>202035056503</t>
  </si>
  <si>
    <t>HAMDI</t>
  </si>
  <si>
    <t>DJAZIA</t>
  </si>
  <si>
    <t>202033001451</t>
  </si>
  <si>
    <t>HADJER</t>
  </si>
  <si>
    <t>191933021238</t>
  </si>
  <si>
    <t>HAMICHI</t>
  </si>
  <si>
    <t>CHAHINAZ</t>
  </si>
  <si>
    <t>202033006760</t>
  </si>
  <si>
    <t>HAMMOUM</t>
  </si>
  <si>
    <t>181833009791</t>
  </si>
  <si>
    <t>IGHOUDANE</t>
  </si>
  <si>
    <t>202033008522</t>
  </si>
  <si>
    <t>IMAACH</t>
  </si>
  <si>
    <t>202033008514</t>
  </si>
  <si>
    <t>KEBBI</t>
  </si>
  <si>
    <t>SALIHA</t>
  </si>
  <si>
    <t>202033009835</t>
  </si>
  <si>
    <t>KEFFOUS</t>
  </si>
  <si>
    <t>RYMA</t>
  </si>
  <si>
    <t>202033009764</t>
  </si>
  <si>
    <t>KELLOUD</t>
  </si>
  <si>
    <t>202033014932</t>
  </si>
  <si>
    <t>KHENTACHE</t>
  </si>
  <si>
    <t>Sabrina</t>
  </si>
  <si>
    <t>202033001517</t>
  </si>
  <si>
    <t>KHETACHE</t>
  </si>
  <si>
    <t>HAMZA</t>
  </si>
  <si>
    <t>202033007616</t>
  </si>
  <si>
    <t>LAMRIBEN</t>
  </si>
  <si>
    <t>202033010569</t>
  </si>
  <si>
    <t>LARAB</t>
  </si>
  <si>
    <t>202033004676</t>
  </si>
  <si>
    <t>MAHIDDINE</t>
  </si>
  <si>
    <t>IMEN</t>
  </si>
  <si>
    <t>202033001577</t>
  </si>
  <si>
    <t>MEKRIOU</t>
  </si>
  <si>
    <t>MOKHTAR</t>
  </si>
  <si>
    <t>202033001581</t>
  </si>
  <si>
    <t>MEKSEM</t>
  </si>
  <si>
    <t>MACILIA</t>
  </si>
  <si>
    <t>202035056494</t>
  </si>
  <si>
    <t>MEREBAI</t>
  </si>
  <si>
    <t>202033001464</t>
  </si>
  <si>
    <t>MOKHTARI</t>
  </si>
  <si>
    <t>YOUCEF CHAKIB</t>
  </si>
  <si>
    <t>191933005062</t>
  </si>
  <si>
    <t>MOKRANI</t>
  </si>
  <si>
    <t>Manel</t>
  </si>
  <si>
    <t>202033015043</t>
  </si>
  <si>
    <t>MOUHOUBI</t>
  </si>
  <si>
    <t>NABILA</t>
  </si>
  <si>
    <t>202033001585</t>
  </si>
  <si>
    <t>NANA</t>
  </si>
  <si>
    <t>202033007463</t>
  </si>
  <si>
    <t>OUGHLISSI</t>
  </si>
  <si>
    <t>HANANE</t>
  </si>
  <si>
    <t>202033001503</t>
  </si>
  <si>
    <t>SADAT</t>
  </si>
  <si>
    <t>IMENE</t>
  </si>
  <si>
    <t>202033000272</t>
  </si>
  <si>
    <t>SAOUDI</t>
  </si>
  <si>
    <t>ZOHRA</t>
  </si>
  <si>
    <t>181833017636</t>
  </si>
  <si>
    <t>TARIKT</t>
  </si>
  <si>
    <t>LARBI</t>
  </si>
  <si>
    <t>Examen/20</t>
  </si>
  <si>
    <t>C.C/20</t>
  </si>
  <si>
    <t>Examen Semestre 01</t>
  </si>
  <si>
    <t xml:space="preserve">                            </t>
  </si>
  <si>
    <t xml:space="preserve">Enseignant : Sili Assia </t>
  </si>
  <si>
    <t>Module : Language Mastery and Analysi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3" x14ac:knownFonts="1">
    <font>
      <sz val="11"/>
      <color theme="1"/>
      <name val="Calibri"/>
      <family val="2"/>
      <scheme val="minor"/>
    </font>
    <font>
      <sz val="11"/>
      <color rgb="FF080000"/>
      <name val="Garamond"/>
      <family val="1"/>
    </font>
    <font>
      <sz val="11"/>
      <color theme="1"/>
      <name val="Garamond"/>
      <family val="1"/>
    </font>
    <font>
      <b/>
      <sz val="14"/>
      <color theme="1"/>
      <name val="Garamond"/>
      <family val="1"/>
    </font>
    <font>
      <b/>
      <sz val="24"/>
      <color theme="1"/>
      <name val="Garamond"/>
      <family val="1"/>
    </font>
    <font>
      <b/>
      <sz val="18"/>
      <color theme="1"/>
      <name val="Garamond"/>
      <family val="1"/>
    </font>
    <font>
      <b/>
      <sz val="11"/>
      <color rgb="FF080000"/>
      <name val="Garamond"/>
      <family val="1"/>
    </font>
    <font>
      <b/>
      <sz val="16"/>
      <color theme="1"/>
      <name val="Garamond"/>
      <family val="1"/>
    </font>
    <font>
      <sz val="14"/>
      <color rgb="FF080000"/>
      <name val="Garamond"/>
      <family val="1"/>
    </font>
    <font>
      <sz val="14"/>
      <color theme="1"/>
      <name val="Garamond"/>
      <family val="1"/>
    </font>
    <font>
      <sz val="12"/>
      <color rgb="FF080000"/>
      <name val="Garamond"/>
      <family val="1"/>
    </font>
    <font>
      <b/>
      <sz val="11"/>
      <color theme="1"/>
      <name val="Garamond"/>
      <family val="1"/>
    </font>
    <font>
      <b/>
      <sz val="11"/>
      <color rgb="FFFF0000"/>
      <name val="Garamond"/>
      <family val="1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22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0" fontId="2" fillId="0" borderId="0" xfId="0" applyFont="1" applyAlignment="1">
      <alignment horizontal="left"/>
    </xf>
    <xf numFmtId="0" fontId="3" fillId="0" borderId="0" xfId="0" applyFont="1"/>
    <xf numFmtId="0" fontId="4" fillId="0" borderId="0" xfId="0" applyFont="1" applyAlignment="1">
      <alignment horizontal="center" vertical="center"/>
    </xf>
    <xf numFmtId="0" fontId="5" fillId="0" borderId="0" xfId="0" applyFont="1"/>
    <xf numFmtId="0" fontId="2" fillId="0" borderId="1" xfId="0" applyFont="1" applyBorder="1"/>
    <xf numFmtId="0" fontId="8" fillId="0" borderId="3" xfId="0" applyFont="1" applyBorder="1" applyAlignment="1">
      <alignment horizontal="left" vertical="center"/>
    </xf>
    <xf numFmtId="49" fontId="8" fillId="0" borderId="1" xfId="0" applyNumberFormat="1" applyFont="1" applyBorder="1" applyAlignment="1">
      <alignment vertical="center"/>
    </xf>
    <xf numFmtId="0" fontId="9" fillId="0" borderId="3" xfId="0" applyFont="1" applyBorder="1" applyAlignment="1">
      <alignment vertical="center"/>
    </xf>
    <xf numFmtId="0" fontId="3" fillId="0" borderId="1" xfId="0" applyFont="1" applyBorder="1" applyAlignment="1">
      <alignment vertical="center"/>
    </xf>
    <xf numFmtId="49" fontId="10" fillId="0" borderId="1" xfId="0" applyNumberFormat="1" applyFont="1" applyBorder="1" applyAlignment="1">
      <alignment vertical="center"/>
    </xf>
    <xf numFmtId="0" fontId="11" fillId="0" borderId="0" xfId="0" applyFont="1" applyAlignment="1">
      <alignment horizontal="left"/>
    </xf>
    <xf numFmtId="0" fontId="12" fillId="0" borderId="0" xfId="0" applyFont="1" applyAlignment="1">
      <alignment horizontal="center"/>
    </xf>
    <xf numFmtId="2" fontId="2" fillId="0" borderId="1" xfId="0" applyNumberFormat="1" applyFont="1" applyBorder="1"/>
    <xf numFmtId="0" fontId="12" fillId="0" borderId="0" xfId="0" applyFont="1"/>
    <xf numFmtId="0" fontId="1" fillId="0" borderId="1" xfId="0" applyNumberFormat="1" applyFont="1" applyBorder="1" applyAlignment="1">
      <alignment horizontal="right"/>
    </xf>
    <xf numFmtId="0" fontId="2" fillId="0" borderId="1" xfId="0" applyFont="1" applyBorder="1" applyAlignment="1">
      <alignment horizontal="right" vertical="center"/>
    </xf>
    <xf numFmtId="0" fontId="6" fillId="0" borderId="2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7" fillId="0" borderId="1" xfId="0" applyFont="1" applyBorder="1" applyAlignment="1">
      <alignment horizontal="center" vertical="center"/>
    </xf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52"/>
  <sheetViews>
    <sheetView tabSelected="1" topLeftCell="A43" workbookViewId="0">
      <selection activeCell="F26" sqref="F26"/>
    </sheetView>
  </sheetViews>
  <sheetFormatPr baseColWidth="10" defaultRowHeight="15" x14ac:dyDescent="0.25"/>
  <cols>
    <col min="1" max="1" width="3.7109375" style="1" customWidth="1"/>
    <col min="2" max="2" width="16.85546875" style="1" bestFit="1" customWidth="1"/>
    <col min="3" max="3" width="25.85546875" style="1" bestFit="1" customWidth="1"/>
    <col min="4" max="4" width="23.28515625" style="1" bestFit="1" customWidth="1"/>
    <col min="5" max="8" width="17.42578125" style="1" customWidth="1"/>
    <col min="9" max="16384" width="11.42578125" style="1"/>
  </cols>
  <sheetData>
    <row r="1" spans="1:8" x14ac:dyDescent="0.25">
      <c r="A1" s="1" t="s">
        <v>4</v>
      </c>
      <c r="E1" s="2"/>
      <c r="F1" s="2"/>
      <c r="G1" s="1" t="s">
        <v>20</v>
      </c>
    </row>
    <row r="2" spans="1:8" x14ac:dyDescent="0.25">
      <c r="A2" s="1" t="s">
        <v>5</v>
      </c>
      <c r="E2" s="3" t="s">
        <v>136</v>
      </c>
      <c r="F2" s="2"/>
    </row>
    <row r="3" spans="1:8" x14ac:dyDescent="0.25">
      <c r="A3" s="1" t="s">
        <v>6</v>
      </c>
      <c r="E3" s="3" t="s">
        <v>137</v>
      </c>
      <c r="F3" s="2"/>
    </row>
    <row r="4" spans="1:8" x14ac:dyDescent="0.25">
      <c r="E4" s="3"/>
      <c r="F4" s="2"/>
    </row>
    <row r="5" spans="1:8" ht="18.75" x14ac:dyDescent="0.3">
      <c r="A5" s="4" t="s">
        <v>8</v>
      </c>
      <c r="D5" s="14" t="s">
        <v>135</v>
      </c>
      <c r="E5" s="13"/>
    </row>
    <row r="6" spans="1:8" ht="30.75" x14ac:dyDescent="0.3">
      <c r="A6" s="4"/>
      <c r="E6" s="5" t="s">
        <v>9</v>
      </c>
      <c r="F6" s="2"/>
    </row>
    <row r="7" spans="1:8" ht="23.25" x14ac:dyDescent="0.35">
      <c r="E7" s="6" t="s">
        <v>10</v>
      </c>
      <c r="F7" s="2"/>
    </row>
    <row r="8" spans="1:8" ht="18.75" x14ac:dyDescent="0.3">
      <c r="A8" s="16"/>
      <c r="D8" s="4"/>
      <c r="E8" s="2"/>
      <c r="F8" s="2"/>
    </row>
    <row r="9" spans="1:8" ht="30.75" customHeight="1" x14ac:dyDescent="0.25">
      <c r="A9" s="19" t="s">
        <v>3</v>
      </c>
      <c r="B9" s="19" t="s">
        <v>0</v>
      </c>
      <c r="C9" s="19" t="s">
        <v>1</v>
      </c>
      <c r="D9" s="19" t="s">
        <v>2</v>
      </c>
      <c r="E9" s="21" t="s">
        <v>134</v>
      </c>
      <c r="F9" s="21"/>
      <c r="G9" s="21"/>
      <c r="H9" s="21"/>
    </row>
    <row r="10" spans="1:8" ht="33" customHeight="1" x14ac:dyDescent="0.25">
      <c r="A10" s="20"/>
      <c r="B10" s="20"/>
      <c r="C10" s="20"/>
      <c r="D10" s="20"/>
      <c r="E10" s="11" t="s">
        <v>132</v>
      </c>
      <c r="F10" s="11" t="s">
        <v>133</v>
      </c>
      <c r="G10" s="11" t="s">
        <v>11</v>
      </c>
      <c r="H10" s="11" t="s">
        <v>12</v>
      </c>
    </row>
    <row r="11" spans="1:8" ht="31.5" customHeight="1" x14ac:dyDescent="0.25">
      <c r="A11" s="8">
        <v>1</v>
      </c>
      <c r="B11" s="9" t="s">
        <v>21</v>
      </c>
      <c r="C11" s="9" t="s">
        <v>14</v>
      </c>
      <c r="D11" s="9" t="s">
        <v>22</v>
      </c>
      <c r="E11" s="17">
        <v>15</v>
      </c>
      <c r="F11" s="7">
        <v>14.5</v>
      </c>
      <c r="G11" s="15">
        <f>((E11*0.67)+(F11*0.33))</f>
        <v>14.835000000000001</v>
      </c>
      <c r="H11" s="7"/>
    </row>
    <row r="12" spans="1:8" ht="31.5" customHeight="1" x14ac:dyDescent="0.25">
      <c r="A12" s="8">
        <v>2</v>
      </c>
      <c r="B12" s="9" t="s">
        <v>23</v>
      </c>
      <c r="C12" s="9" t="s">
        <v>24</v>
      </c>
      <c r="D12" s="9" t="s">
        <v>25</v>
      </c>
      <c r="E12" s="17">
        <v>16.75</v>
      </c>
      <c r="F12" s="7">
        <v>14.5</v>
      </c>
      <c r="G12" s="15">
        <f t="shared" ref="G12:G51" si="0">((E12*0.67)+(F12*0.33))</f>
        <v>16.0075</v>
      </c>
      <c r="H12" s="7"/>
    </row>
    <row r="13" spans="1:8" ht="31.5" customHeight="1" x14ac:dyDescent="0.25">
      <c r="A13" s="8">
        <v>3</v>
      </c>
      <c r="B13" s="9" t="s">
        <v>26</v>
      </c>
      <c r="C13" s="9" t="s">
        <v>27</v>
      </c>
      <c r="D13" s="9" t="s">
        <v>28</v>
      </c>
      <c r="E13" s="17">
        <v>13</v>
      </c>
      <c r="F13" s="7">
        <v>13.75</v>
      </c>
      <c r="G13" s="15">
        <f t="shared" si="0"/>
        <v>13.247500000000002</v>
      </c>
      <c r="H13" s="7"/>
    </row>
    <row r="14" spans="1:8" ht="31.5" customHeight="1" x14ac:dyDescent="0.25">
      <c r="A14" s="8">
        <v>4</v>
      </c>
      <c r="B14" s="9" t="s">
        <v>29</v>
      </c>
      <c r="C14" s="9" t="s">
        <v>30</v>
      </c>
      <c r="D14" s="9" t="s">
        <v>31</v>
      </c>
      <c r="E14" s="17">
        <v>19</v>
      </c>
      <c r="F14" s="7">
        <v>16.25</v>
      </c>
      <c r="G14" s="15">
        <f t="shared" si="0"/>
        <v>18.092500000000001</v>
      </c>
      <c r="H14" s="7"/>
    </row>
    <row r="15" spans="1:8" ht="31.5" customHeight="1" x14ac:dyDescent="0.25">
      <c r="A15" s="8">
        <v>5</v>
      </c>
      <c r="B15" s="9" t="s">
        <v>32</v>
      </c>
      <c r="C15" s="9" t="s">
        <v>33</v>
      </c>
      <c r="D15" s="9" t="s">
        <v>34</v>
      </c>
      <c r="E15" s="17">
        <v>18.5</v>
      </c>
      <c r="F15" s="7">
        <v>14.5</v>
      </c>
      <c r="G15" s="15">
        <f t="shared" si="0"/>
        <v>17.18</v>
      </c>
      <c r="H15" s="7"/>
    </row>
    <row r="16" spans="1:8" ht="31.5" customHeight="1" x14ac:dyDescent="0.25">
      <c r="A16" s="8">
        <v>6</v>
      </c>
      <c r="B16" s="9" t="s">
        <v>35</v>
      </c>
      <c r="C16" s="9" t="s">
        <v>36</v>
      </c>
      <c r="D16" s="9" t="s">
        <v>37</v>
      </c>
      <c r="E16" s="17">
        <v>13.25</v>
      </c>
      <c r="F16" s="7">
        <v>14.25</v>
      </c>
      <c r="G16" s="15">
        <f t="shared" si="0"/>
        <v>13.580000000000002</v>
      </c>
      <c r="H16" s="7"/>
    </row>
    <row r="17" spans="1:8" ht="31.5" customHeight="1" x14ac:dyDescent="0.25">
      <c r="A17" s="8">
        <v>7</v>
      </c>
      <c r="B17" s="9" t="s">
        <v>38</v>
      </c>
      <c r="C17" s="9" t="s">
        <v>39</v>
      </c>
      <c r="D17" s="9" t="s">
        <v>40</v>
      </c>
      <c r="E17" s="17">
        <v>18.25</v>
      </c>
      <c r="F17" s="7">
        <v>17.5</v>
      </c>
      <c r="G17" s="15">
        <f t="shared" si="0"/>
        <v>18.002500000000001</v>
      </c>
      <c r="H17" s="7"/>
    </row>
    <row r="18" spans="1:8" ht="31.5" customHeight="1" x14ac:dyDescent="0.25">
      <c r="A18" s="8">
        <v>8</v>
      </c>
      <c r="B18" s="9" t="s">
        <v>41</v>
      </c>
      <c r="C18" s="9" t="s">
        <v>42</v>
      </c>
      <c r="D18" s="9" t="s">
        <v>43</v>
      </c>
      <c r="E18" s="17">
        <v>16.25</v>
      </c>
      <c r="F18" s="7">
        <v>12.25</v>
      </c>
      <c r="G18" s="15">
        <f t="shared" si="0"/>
        <v>14.930000000000001</v>
      </c>
      <c r="H18" s="7"/>
    </row>
    <row r="19" spans="1:8" ht="31.5" customHeight="1" x14ac:dyDescent="0.25">
      <c r="A19" s="8">
        <v>9</v>
      </c>
      <c r="B19" s="9" t="s">
        <v>44</v>
      </c>
      <c r="C19" s="9" t="s">
        <v>45</v>
      </c>
      <c r="D19" s="9" t="s">
        <v>46</v>
      </c>
      <c r="E19" s="17">
        <v>18.25</v>
      </c>
      <c r="F19" s="7">
        <v>14</v>
      </c>
      <c r="G19" s="15">
        <f t="shared" si="0"/>
        <v>16.8475</v>
      </c>
      <c r="H19" s="7"/>
    </row>
    <row r="20" spans="1:8" ht="31.5" customHeight="1" x14ac:dyDescent="0.25">
      <c r="A20" s="8">
        <v>10</v>
      </c>
      <c r="B20" s="9" t="s">
        <v>47</v>
      </c>
      <c r="C20" s="9" t="s">
        <v>48</v>
      </c>
      <c r="D20" s="9" t="s">
        <v>49</v>
      </c>
      <c r="E20" s="17">
        <v>14.5</v>
      </c>
      <c r="F20" s="7">
        <v>11</v>
      </c>
      <c r="G20" s="15">
        <f t="shared" si="0"/>
        <v>13.345000000000001</v>
      </c>
      <c r="H20" s="7"/>
    </row>
    <row r="21" spans="1:8" ht="31.5" customHeight="1" x14ac:dyDescent="0.25">
      <c r="A21" s="8">
        <v>11</v>
      </c>
      <c r="B21" s="9" t="s">
        <v>50</v>
      </c>
      <c r="C21" s="12" t="s">
        <v>51</v>
      </c>
      <c r="D21" s="9" t="s">
        <v>52</v>
      </c>
      <c r="E21" s="17">
        <v>16.25</v>
      </c>
      <c r="F21" s="7">
        <v>13</v>
      </c>
      <c r="G21" s="15">
        <f t="shared" si="0"/>
        <v>15.177500000000002</v>
      </c>
      <c r="H21" s="7"/>
    </row>
    <row r="22" spans="1:8" ht="31.5" customHeight="1" x14ac:dyDescent="0.25">
      <c r="A22" s="8">
        <v>12</v>
      </c>
      <c r="B22" s="9" t="s">
        <v>53</v>
      </c>
      <c r="C22" s="9" t="s">
        <v>54</v>
      </c>
      <c r="D22" s="9" t="s">
        <v>55</v>
      </c>
      <c r="E22" s="17">
        <v>17.5</v>
      </c>
      <c r="F22" s="7">
        <v>15.25</v>
      </c>
      <c r="G22" s="15">
        <f t="shared" si="0"/>
        <v>16.7575</v>
      </c>
      <c r="H22" s="7"/>
    </row>
    <row r="23" spans="1:8" ht="31.5" customHeight="1" x14ac:dyDescent="0.25">
      <c r="A23" s="8">
        <v>13</v>
      </c>
      <c r="B23" s="9" t="s">
        <v>56</v>
      </c>
      <c r="C23" s="9" t="s">
        <v>54</v>
      </c>
      <c r="D23" s="9" t="s">
        <v>57</v>
      </c>
      <c r="E23" s="17">
        <v>15.75</v>
      </c>
      <c r="F23" s="7">
        <v>14.27</v>
      </c>
      <c r="G23" s="15">
        <f t="shared" si="0"/>
        <v>15.261600000000001</v>
      </c>
      <c r="H23" s="7"/>
    </row>
    <row r="24" spans="1:8" ht="31.5" customHeight="1" x14ac:dyDescent="0.25">
      <c r="A24" s="8">
        <v>14</v>
      </c>
      <c r="B24" s="9" t="s">
        <v>58</v>
      </c>
      <c r="C24" s="9" t="s">
        <v>59</v>
      </c>
      <c r="D24" s="9" t="s">
        <v>60</v>
      </c>
      <c r="E24" s="17">
        <v>13.75</v>
      </c>
      <c r="F24" s="7">
        <v>13.5</v>
      </c>
      <c r="G24" s="15">
        <f t="shared" si="0"/>
        <v>13.6675</v>
      </c>
      <c r="H24" s="7"/>
    </row>
    <row r="25" spans="1:8" ht="31.5" customHeight="1" x14ac:dyDescent="0.25">
      <c r="A25" s="8">
        <v>15</v>
      </c>
      <c r="B25" s="9" t="s">
        <v>61</v>
      </c>
      <c r="C25" s="9" t="s">
        <v>62</v>
      </c>
      <c r="D25" s="9" t="s">
        <v>63</v>
      </c>
      <c r="E25" s="17">
        <v>17.5</v>
      </c>
      <c r="F25" s="7">
        <v>15</v>
      </c>
      <c r="G25" s="15">
        <f t="shared" si="0"/>
        <v>16.675000000000001</v>
      </c>
      <c r="H25" s="7"/>
    </row>
    <row r="26" spans="1:8" ht="31.5" customHeight="1" x14ac:dyDescent="0.25">
      <c r="A26" s="8">
        <v>16</v>
      </c>
      <c r="B26" s="9" t="s">
        <v>64</v>
      </c>
      <c r="C26" s="9" t="s">
        <v>65</v>
      </c>
      <c r="D26" s="9" t="s">
        <v>19</v>
      </c>
      <c r="E26" s="17">
        <v>18.25</v>
      </c>
      <c r="F26" s="7">
        <v>16.25</v>
      </c>
      <c r="G26" s="15">
        <f t="shared" si="0"/>
        <v>17.59</v>
      </c>
      <c r="H26" s="7"/>
    </row>
    <row r="27" spans="1:8" ht="31.5" customHeight="1" x14ac:dyDescent="0.25">
      <c r="A27" s="8">
        <v>17</v>
      </c>
      <c r="B27" s="9" t="s">
        <v>66</v>
      </c>
      <c r="C27" s="9" t="s">
        <v>67</v>
      </c>
      <c r="D27" s="9" t="s">
        <v>68</v>
      </c>
      <c r="E27" s="17">
        <v>16.75</v>
      </c>
      <c r="F27" s="7">
        <v>11.5</v>
      </c>
      <c r="G27" s="15">
        <f t="shared" si="0"/>
        <v>15.0175</v>
      </c>
      <c r="H27" s="7"/>
    </row>
    <row r="28" spans="1:8" ht="31.5" customHeight="1" x14ac:dyDescent="0.25">
      <c r="A28" s="8">
        <v>18</v>
      </c>
      <c r="B28" s="9" t="s">
        <v>69</v>
      </c>
      <c r="C28" s="9" t="s">
        <v>67</v>
      </c>
      <c r="D28" s="9" t="s">
        <v>70</v>
      </c>
      <c r="E28" s="17">
        <v>19.25</v>
      </c>
      <c r="F28" s="7">
        <v>10.75</v>
      </c>
      <c r="G28" s="15">
        <f t="shared" si="0"/>
        <v>16.445</v>
      </c>
      <c r="H28" s="7"/>
    </row>
    <row r="29" spans="1:8" ht="31.5" customHeight="1" x14ac:dyDescent="0.25">
      <c r="A29" s="8">
        <v>19</v>
      </c>
      <c r="B29" s="9" t="s">
        <v>71</v>
      </c>
      <c r="C29" s="9" t="s">
        <v>72</v>
      </c>
      <c r="D29" s="9" t="s">
        <v>73</v>
      </c>
      <c r="E29" s="17">
        <v>0</v>
      </c>
      <c r="F29" s="7">
        <v>0</v>
      </c>
      <c r="G29" s="15">
        <f t="shared" si="0"/>
        <v>0</v>
      </c>
      <c r="H29" s="7"/>
    </row>
    <row r="30" spans="1:8" ht="31.5" customHeight="1" x14ac:dyDescent="0.25">
      <c r="A30" s="8">
        <v>20</v>
      </c>
      <c r="B30" s="9" t="s">
        <v>74</v>
      </c>
      <c r="C30" s="9" t="s">
        <v>75</v>
      </c>
      <c r="D30" s="9" t="s">
        <v>57</v>
      </c>
      <c r="E30" s="17">
        <v>17</v>
      </c>
      <c r="F30" s="7">
        <v>16.5</v>
      </c>
      <c r="G30" s="15">
        <f t="shared" si="0"/>
        <v>16.835000000000001</v>
      </c>
      <c r="H30" s="7"/>
    </row>
    <row r="31" spans="1:8" ht="31.5" customHeight="1" x14ac:dyDescent="0.25">
      <c r="A31" s="8">
        <v>21</v>
      </c>
      <c r="B31" s="9" t="s">
        <v>76</v>
      </c>
      <c r="C31" s="9" t="s">
        <v>77</v>
      </c>
      <c r="D31" s="9" t="s">
        <v>17</v>
      </c>
      <c r="E31" s="17">
        <v>11.5</v>
      </c>
      <c r="F31" s="7">
        <v>14</v>
      </c>
      <c r="G31" s="15">
        <f t="shared" si="0"/>
        <v>12.324999999999999</v>
      </c>
      <c r="H31" s="7"/>
    </row>
    <row r="32" spans="1:8" ht="31.5" customHeight="1" x14ac:dyDescent="0.25">
      <c r="A32" s="8">
        <v>22</v>
      </c>
      <c r="B32" s="9" t="s">
        <v>78</v>
      </c>
      <c r="C32" s="9" t="s">
        <v>79</v>
      </c>
      <c r="D32" s="9" t="s">
        <v>15</v>
      </c>
      <c r="E32" s="17">
        <v>17.5</v>
      </c>
      <c r="F32" s="7">
        <v>14.25</v>
      </c>
      <c r="G32" s="15">
        <f t="shared" si="0"/>
        <v>16.427500000000002</v>
      </c>
      <c r="H32" s="7"/>
    </row>
    <row r="33" spans="1:8" ht="31.5" customHeight="1" x14ac:dyDescent="0.25">
      <c r="A33" s="8">
        <v>23</v>
      </c>
      <c r="B33" s="9" t="s">
        <v>80</v>
      </c>
      <c r="C33" s="9" t="s">
        <v>81</v>
      </c>
      <c r="D33" s="9" t="s">
        <v>82</v>
      </c>
      <c r="E33" s="17">
        <v>15.5</v>
      </c>
      <c r="F33" s="7">
        <v>10.5</v>
      </c>
      <c r="G33" s="15">
        <f t="shared" si="0"/>
        <v>13.85</v>
      </c>
      <c r="H33" s="7"/>
    </row>
    <row r="34" spans="1:8" ht="31.5" customHeight="1" x14ac:dyDescent="0.25">
      <c r="A34" s="8">
        <v>24</v>
      </c>
      <c r="B34" s="9" t="s">
        <v>83</v>
      </c>
      <c r="C34" s="9" t="s">
        <v>84</v>
      </c>
      <c r="D34" s="9" t="s">
        <v>85</v>
      </c>
      <c r="E34" s="17">
        <v>15.75</v>
      </c>
      <c r="F34" s="7">
        <v>10</v>
      </c>
      <c r="G34" s="15">
        <f t="shared" si="0"/>
        <v>13.852500000000001</v>
      </c>
      <c r="H34" s="7"/>
    </row>
    <row r="35" spans="1:8" ht="31.5" customHeight="1" x14ac:dyDescent="0.25">
      <c r="A35" s="8">
        <v>25</v>
      </c>
      <c r="B35" s="9" t="s">
        <v>86</v>
      </c>
      <c r="C35" s="9" t="s">
        <v>87</v>
      </c>
      <c r="D35" s="9" t="s">
        <v>18</v>
      </c>
      <c r="E35" s="17">
        <v>17</v>
      </c>
      <c r="F35" s="7">
        <v>15.75</v>
      </c>
      <c r="G35" s="15">
        <f t="shared" si="0"/>
        <v>16.587500000000002</v>
      </c>
      <c r="H35" s="7"/>
    </row>
    <row r="36" spans="1:8" ht="31.5" customHeight="1" x14ac:dyDescent="0.25">
      <c r="A36" s="8">
        <v>26</v>
      </c>
      <c r="B36" s="9" t="s">
        <v>88</v>
      </c>
      <c r="C36" s="9" t="s">
        <v>89</v>
      </c>
      <c r="D36" s="9" t="s">
        <v>90</v>
      </c>
      <c r="E36" s="17">
        <v>19</v>
      </c>
      <c r="F36" s="7">
        <v>16.5</v>
      </c>
      <c r="G36" s="15">
        <f t="shared" si="0"/>
        <v>18.175000000000001</v>
      </c>
      <c r="H36" s="7"/>
    </row>
    <row r="37" spans="1:8" ht="31.5" customHeight="1" x14ac:dyDescent="0.25">
      <c r="A37" s="8">
        <v>27</v>
      </c>
      <c r="B37" s="9" t="s">
        <v>91</v>
      </c>
      <c r="C37" s="9" t="s">
        <v>92</v>
      </c>
      <c r="D37" s="9" t="s">
        <v>93</v>
      </c>
      <c r="E37" s="17">
        <v>14.25</v>
      </c>
      <c r="F37" s="7">
        <v>16.75</v>
      </c>
      <c r="G37" s="15">
        <f t="shared" si="0"/>
        <v>15.075000000000001</v>
      </c>
      <c r="H37" s="7"/>
    </row>
    <row r="38" spans="1:8" ht="31.5" customHeight="1" x14ac:dyDescent="0.25">
      <c r="A38" s="8">
        <v>28</v>
      </c>
      <c r="B38" s="9" t="s">
        <v>94</v>
      </c>
      <c r="C38" s="9" t="s">
        <v>95</v>
      </c>
      <c r="D38" s="9" t="s">
        <v>15</v>
      </c>
      <c r="E38" s="17">
        <v>14</v>
      </c>
      <c r="F38" s="7">
        <v>15.25</v>
      </c>
      <c r="G38" s="15">
        <f t="shared" si="0"/>
        <v>14.412500000000001</v>
      </c>
      <c r="H38" s="7"/>
    </row>
    <row r="39" spans="1:8" ht="31.5" customHeight="1" x14ac:dyDescent="0.25">
      <c r="A39" s="8">
        <v>29</v>
      </c>
      <c r="B39" s="9" t="s">
        <v>96</v>
      </c>
      <c r="C39" s="9" t="s">
        <v>97</v>
      </c>
      <c r="D39" s="9" t="s">
        <v>16</v>
      </c>
      <c r="E39" s="17">
        <v>15.25</v>
      </c>
      <c r="F39" s="7">
        <v>12</v>
      </c>
      <c r="G39" s="15">
        <f t="shared" si="0"/>
        <v>14.177500000000002</v>
      </c>
      <c r="H39" s="7"/>
    </row>
    <row r="40" spans="1:8" ht="31.5" customHeight="1" x14ac:dyDescent="0.25">
      <c r="A40" s="10">
        <v>30</v>
      </c>
      <c r="B40" s="9" t="s">
        <v>98</v>
      </c>
      <c r="C40" s="9" t="s">
        <v>99</v>
      </c>
      <c r="D40" s="9" t="s">
        <v>100</v>
      </c>
      <c r="E40" s="17">
        <v>17.75</v>
      </c>
      <c r="F40" s="7">
        <v>13.25</v>
      </c>
      <c r="G40" s="15">
        <f t="shared" si="0"/>
        <v>16.265000000000001</v>
      </c>
      <c r="H40" s="7"/>
    </row>
    <row r="41" spans="1:8" ht="31.5" customHeight="1" x14ac:dyDescent="0.25">
      <c r="A41" s="10">
        <v>31</v>
      </c>
      <c r="B41" s="9" t="s">
        <v>101</v>
      </c>
      <c r="C41" s="9" t="s">
        <v>102</v>
      </c>
      <c r="D41" s="9" t="s">
        <v>103</v>
      </c>
      <c r="E41" s="17">
        <v>14.5</v>
      </c>
      <c r="F41" s="7">
        <v>11</v>
      </c>
      <c r="G41" s="15">
        <f t="shared" si="0"/>
        <v>13.345000000000001</v>
      </c>
      <c r="H41" s="7"/>
    </row>
    <row r="42" spans="1:8" ht="31.5" customHeight="1" x14ac:dyDescent="0.25">
      <c r="A42" s="10">
        <v>32</v>
      </c>
      <c r="B42" s="9" t="s">
        <v>104</v>
      </c>
      <c r="C42" s="9" t="s">
        <v>105</v>
      </c>
      <c r="D42" s="9" t="s">
        <v>106</v>
      </c>
      <c r="E42" s="18">
        <v>13.75</v>
      </c>
      <c r="F42" s="7">
        <v>13.75</v>
      </c>
      <c r="G42" s="15">
        <f t="shared" si="0"/>
        <v>13.75</v>
      </c>
      <c r="H42" s="7"/>
    </row>
    <row r="43" spans="1:8" ht="31.5" customHeight="1" x14ac:dyDescent="0.25">
      <c r="A43" s="10">
        <v>33</v>
      </c>
      <c r="B43" s="9" t="s">
        <v>107</v>
      </c>
      <c r="C43" s="9" t="s">
        <v>108</v>
      </c>
      <c r="D43" s="9" t="s">
        <v>60</v>
      </c>
      <c r="E43" s="18">
        <v>15.75</v>
      </c>
      <c r="F43" s="7">
        <v>12.75</v>
      </c>
      <c r="G43" s="15">
        <f t="shared" si="0"/>
        <v>14.760000000000002</v>
      </c>
      <c r="H43" s="7"/>
    </row>
    <row r="44" spans="1:8" ht="31.5" customHeight="1" x14ac:dyDescent="0.25">
      <c r="A44" s="10">
        <v>34</v>
      </c>
      <c r="B44" s="9" t="s">
        <v>109</v>
      </c>
      <c r="C44" s="9" t="s">
        <v>110</v>
      </c>
      <c r="D44" s="9" t="s">
        <v>111</v>
      </c>
      <c r="E44" s="18">
        <v>0</v>
      </c>
      <c r="F44" s="7">
        <v>0</v>
      </c>
      <c r="G44" s="15">
        <f t="shared" si="0"/>
        <v>0</v>
      </c>
      <c r="H44" s="7"/>
    </row>
    <row r="45" spans="1:8" ht="31.5" customHeight="1" x14ac:dyDescent="0.25">
      <c r="A45" s="10">
        <v>35</v>
      </c>
      <c r="B45" s="9" t="s">
        <v>112</v>
      </c>
      <c r="C45" s="9" t="s">
        <v>113</v>
      </c>
      <c r="D45" s="9" t="s">
        <v>114</v>
      </c>
      <c r="E45" s="18">
        <v>18.25</v>
      </c>
      <c r="F45" s="7">
        <v>14.75</v>
      </c>
      <c r="G45" s="15">
        <f t="shared" si="0"/>
        <v>17.095000000000002</v>
      </c>
      <c r="H45" s="7"/>
    </row>
    <row r="46" spans="1:8" ht="31.5" customHeight="1" x14ac:dyDescent="0.25">
      <c r="A46" s="10">
        <v>36</v>
      </c>
      <c r="B46" s="9" t="s">
        <v>115</v>
      </c>
      <c r="C46" s="9" t="s">
        <v>116</v>
      </c>
      <c r="D46" s="9" t="s">
        <v>117</v>
      </c>
      <c r="E46" s="18">
        <v>18</v>
      </c>
      <c r="F46" s="7">
        <v>15</v>
      </c>
      <c r="G46" s="15">
        <f t="shared" si="0"/>
        <v>17.010000000000002</v>
      </c>
      <c r="H46" s="7"/>
    </row>
    <row r="47" spans="1:8" ht="31.5" customHeight="1" x14ac:dyDescent="0.25">
      <c r="A47" s="10">
        <v>37</v>
      </c>
      <c r="B47" s="9" t="s">
        <v>118</v>
      </c>
      <c r="C47" s="9" t="s">
        <v>119</v>
      </c>
      <c r="D47" s="9" t="s">
        <v>13</v>
      </c>
      <c r="E47" s="18">
        <v>15.5</v>
      </c>
      <c r="F47" s="7">
        <v>14.75</v>
      </c>
      <c r="G47" s="15">
        <f t="shared" si="0"/>
        <v>15.252500000000001</v>
      </c>
      <c r="H47" s="7"/>
    </row>
    <row r="48" spans="1:8" ht="31.5" customHeight="1" x14ac:dyDescent="0.25">
      <c r="A48" s="10">
        <v>38</v>
      </c>
      <c r="B48" s="9" t="s">
        <v>120</v>
      </c>
      <c r="C48" s="9" t="s">
        <v>121</v>
      </c>
      <c r="D48" s="9" t="s">
        <v>122</v>
      </c>
      <c r="E48" s="18">
        <v>18</v>
      </c>
      <c r="F48" s="7">
        <v>14.75</v>
      </c>
      <c r="G48" s="15">
        <f t="shared" si="0"/>
        <v>16.927500000000002</v>
      </c>
      <c r="H48" s="7"/>
    </row>
    <row r="49" spans="1:8" ht="31.5" customHeight="1" x14ac:dyDescent="0.25">
      <c r="A49" s="10">
        <v>39</v>
      </c>
      <c r="B49" s="9" t="s">
        <v>123</v>
      </c>
      <c r="C49" s="9" t="s">
        <v>124</v>
      </c>
      <c r="D49" s="9" t="s">
        <v>125</v>
      </c>
      <c r="E49" s="18">
        <v>18.5</v>
      </c>
      <c r="F49" s="7">
        <v>15.25</v>
      </c>
      <c r="G49" s="15">
        <f t="shared" si="0"/>
        <v>17.427500000000002</v>
      </c>
      <c r="H49" s="7"/>
    </row>
    <row r="50" spans="1:8" ht="31.5" customHeight="1" x14ac:dyDescent="0.25">
      <c r="A50" s="10">
        <v>40</v>
      </c>
      <c r="B50" s="9" t="s">
        <v>126</v>
      </c>
      <c r="C50" s="9" t="s">
        <v>127</v>
      </c>
      <c r="D50" s="9" t="s">
        <v>128</v>
      </c>
      <c r="E50" s="18">
        <v>16.75</v>
      </c>
      <c r="F50" s="7">
        <v>15.25</v>
      </c>
      <c r="G50" s="15">
        <f t="shared" si="0"/>
        <v>16.255000000000003</v>
      </c>
      <c r="H50" s="7"/>
    </row>
    <row r="51" spans="1:8" ht="31.5" customHeight="1" x14ac:dyDescent="0.25">
      <c r="A51" s="10">
        <v>41</v>
      </c>
      <c r="B51" s="9" t="s">
        <v>129</v>
      </c>
      <c r="C51" s="9" t="s">
        <v>130</v>
      </c>
      <c r="D51" s="9" t="s">
        <v>131</v>
      </c>
      <c r="E51" s="18">
        <v>0</v>
      </c>
      <c r="F51" s="7">
        <v>0</v>
      </c>
      <c r="G51" s="15">
        <f t="shared" si="0"/>
        <v>0</v>
      </c>
      <c r="H51" s="7"/>
    </row>
    <row r="52" spans="1:8" x14ac:dyDescent="0.25">
      <c r="F52" s="1" t="s">
        <v>7</v>
      </c>
    </row>
  </sheetData>
  <mergeCells count="5">
    <mergeCell ref="A9:A10"/>
    <mergeCell ref="B9:B10"/>
    <mergeCell ref="C9:C10"/>
    <mergeCell ref="D9:D10"/>
    <mergeCell ref="E9:H9"/>
  </mergeCells>
  <pageMargins left="0.39" right="0.23" top="0.4" bottom="0.28000000000000003" header="0.3" footer="0.3"/>
  <pageSetup paperSize="8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1</vt:i4>
      </vt:variant>
    </vt:vector>
  </HeadingPairs>
  <TitlesOfParts>
    <vt:vector size="1" baseType="lpstr">
      <vt:lpstr>PV de Not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P PRO</dc:creator>
  <cp:lastModifiedBy>MIS</cp:lastModifiedBy>
  <cp:lastPrinted>2024-01-10T09:40:13Z</cp:lastPrinted>
  <dcterms:created xsi:type="dcterms:W3CDTF">2014-11-13T13:16:56Z</dcterms:created>
  <dcterms:modified xsi:type="dcterms:W3CDTF">2024-01-29T12:45:54Z</dcterms:modified>
</cp:coreProperties>
</file>